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1321\group\04_福祉介護人材グループ\26_介護職員の働きやすい職場環境づくり表彰\R5\04_R6に向けた対応\230124_通知一式（老発0124 第１号）\"/>
    </mc:Choice>
  </mc:AlternateContent>
  <bookViews>
    <workbookView xWindow="4056" yWindow="2748" windowWidth="21636" windowHeight="11340" activeTab="1"/>
  </bookViews>
  <sheets>
    <sheet name="基本情報" sheetId="1" r:id="rId1"/>
    <sheet name="取組内容" sheetId="2" r:id="rId2"/>
    <sheet name="入力リスト" sheetId="4" state="hidden" r:id="rId3"/>
  </sheets>
  <definedNames>
    <definedName name="_xlnm.Print_Area" localSheetId="0">基本情報!$A$1:$C$23</definedName>
    <definedName name="_xlnm.Print_Area" localSheetId="1">取組内容!$A$1:$F$34</definedName>
    <definedName name="_xlnm.Print_Titles" localSheetId="1">取組内容!$1:$2</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5" uniqueCount="86">
  <si>
    <t>別紙２</t>
    <rPh sb="0" eb="2">
      <t>ベッシ</t>
    </rPh>
    <phoneticPr fontId="1"/>
  </si>
  <si>
    <t>介護職員の働きやすい職場環境づくり　推薦事業者調書</t>
    <rPh sb="18" eb="20">
      <t>スイセン</t>
    </rPh>
    <rPh sb="20" eb="23">
      <t>ジギョウシャ</t>
    </rPh>
    <rPh sb="23" eb="25">
      <t>チョウショ</t>
    </rPh>
    <phoneticPr fontId="1"/>
  </si>
  <si>
    <t>１　基本情報</t>
    <rPh sb="2" eb="4">
      <t>キホン</t>
    </rPh>
    <rPh sb="4" eb="6">
      <t>ジョウホウ</t>
    </rPh>
    <phoneticPr fontId="1"/>
  </si>
  <si>
    <t>運営法人</t>
    <rPh sb="0" eb="2">
      <t>ウンエイ</t>
    </rPh>
    <rPh sb="2" eb="4">
      <t>ホウジン</t>
    </rPh>
    <phoneticPr fontId="1"/>
  </si>
  <si>
    <t>名称</t>
    <rPh sb="0" eb="2">
      <t>メイショウ</t>
    </rPh>
    <phoneticPr fontId="1"/>
  </si>
  <si>
    <t>代表者</t>
    <rPh sb="0" eb="3">
      <t>ダイヒョウシャ</t>
    </rPh>
    <phoneticPr fontId="1"/>
  </si>
  <si>
    <t>住所</t>
    <rPh sb="0" eb="2">
      <t>ジュウショ</t>
    </rPh>
    <phoneticPr fontId="1"/>
  </si>
  <si>
    <t>URL</t>
    <phoneticPr fontId="1"/>
  </si>
  <si>
    <t>事業所・施設等</t>
    <rPh sb="0" eb="3">
      <t>ジギョウショ</t>
    </rPh>
    <rPh sb="4" eb="6">
      <t>シセツ</t>
    </rPh>
    <rPh sb="6" eb="7">
      <t>トウ</t>
    </rPh>
    <phoneticPr fontId="1"/>
  </si>
  <si>
    <t>サービス種類（選択）</t>
    <rPh sb="4" eb="6">
      <t>シュルイ</t>
    </rPh>
    <rPh sb="7" eb="9">
      <t>センタク</t>
    </rPh>
    <phoneticPr fontId="1"/>
  </si>
  <si>
    <t>担当者
（事業者）</t>
    <rPh sb="0" eb="3">
      <t>タントウシャ</t>
    </rPh>
    <rPh sb="5" eb="8">
      <t>ジギョウシャ</t>
    </rPh>
    <phoneticPr fontId="1"/>
  </si>
  <si>
    <t>氏名</t>
    <rPh sb="0" eb="2">
      <t>シメイ</t>
    </rPh>
    <phoneticPr fontId="1"/>
  </si>
  <si>
    <t>電話番号</t>
    <rPh sb="0" eb="2">
      <t>デンワ</t>
    </rPh>
    <rPh sb="2" eb="4">
      <t>バンゴウ</t>
    </rPh>
    <phoneticPr fontId="1"/>
  </si>
  <si>
    <t>メールアドレス</t>
    <phoneticPr fontId="1"/>
  </si>
  <si>
    <t>利用者数</t>
    <rPh sb="0" eb="3">
      <t>リヨウシャ</t>
    </rPh>
    <rPh sb="3" eb="4">
      <t>スウ</t>
    </rPh>
    <phoneticPr fontId="1"/>
  </si>
  <si>
    <t>人材育成等に取り組む事業所の認証評価制度実施事業による認証状況</t>
    <rPh sb="27" eb="29">
      <t>ニンショウ</t>
    </rPh>
    <rPh sb="29" eb="31">
      <t>ジョウキョウ</t>
    </rPh>
    <phoneticPr fontId="1"/>
  </si>
  <si>
    <t>くるみん認定制度、えるぼし認定制度及びユースエール認定制度による認証状況</t>
    <rPh sb="4" eb="6">
      <t>ニンテイ</t>
    </rPh>
    <rPh sb="6" eb="8">
      <t>セイド</t>
    </rPh>
    <rPh sb="13" eb="15">
      <t>ニンテイ</t>
    </rPh>
    <rPh sb="15" eb="17">
      <t>セイド</t>
    </rPh>
    <rPh sb="17" eb="18">
      <t>オヨ</t>
    </rPh>
    <rPh sb="25" eb="27">
      <t>ニンテイ</t>
    </rPh>
    <rPh sb="27" eb="29">
      <t>セイド</t>
    </rPh>
    <rPh sb="32" eb="34">
      <t>ニンショウ</t>
    </rPh>
    <rPh sb="34" eb="36">
      <t>ジョウキョウ</t>
    </rPh>
    <phoneticPr fontId="1"/>
  </si>
  <si>
    <t>（記載にあたっての留意点）</t>
    <rPh sb="1" eb="3">
      <t>キサイ</t>
    </rPh>
    <rPh sb="9" eb="12">
      <t>リュウイテン</t>
    </rPh>
    <phoneticPr fontId="1"/>
  </si>
  <si>
    <t>○行の高さや列の幅を調整するのは差し支えありませんが、行や列の追加は行わないでください。</t>
    <rPh sb="6" eb="7">
      <t>レツ</t>
    </rPh>
    <rPh sb="8" eb="9">
      <t>ハバ</t>
    </rPh>
    <rPh sb="10" eb="12">
      <t>チョウセイ</t>
    </rPh>
    <phoneticPr fontId="1"/>
  </si>
  <si>
    <t>○同一箇所に複数の事業所・施設があり、取組を一体的に行っている場合、主たる事業所・施設について記載してください。</t>
    <rPh sb="1" eb="3">
      <t>ドウイツ</t>
    </rPh>
    <rPh sb="3" eb="5">
      <t>カショ</t>
    </rPh>
    <rPh sb="6" eb="8">
      <t>フクスウ</t>
    </rPh>
    <rPh sb="9" eb="12">
      <t>ジギョウショ</t>
    </rPh>
    <rPh sb="13" eb="15">
      <t>シセツ</t>
    </rPh>
    <rPh sb="19" eb="21">
      <t>トリクミ</t>
    </rPh>
    <rPh sb="22" eb="25">
      <t>イッタイテキ</t>
    </rPh>
    <rPh sb="26" eb="27">
      <t>オコナ</t>
    </rPh>
    <rPh sb="31" eb="33">
      <t>バアイ</t>
    </rPh>
    <rPh sb="34" eb="35">
      <t>シュ</t>
    </rPh>
    <rPh sb="37" eb="40">
      <t>ジギョウショ</t>
    </rPh>
    <rPh sb="41" eb="43">
      <t>シセツ</t>
    </rPh>
    <rPh sb="47" eb="49">
      <t>キサイ</t>
    </rPh>
    <phoneticPr fontId="1"/>
  </si>
  <si>
    <t>２　具体的取組</t>
    <rPh sb="2" eb="5">
      <t>グタイテキ</t>
    </rPh>
    <rPh sb="5" eb="7">
      <t>トリクミ</t>
    </rPh>
    <phoneticPr fontId="1"/>
  </si>
  <si>
    <t>評価項目</t>
    <rPh sb="0" eb="2">
      <t>ヒョウカ</t>
    </rPh>
    <rPh sb="2" eb="4">
      <t>コウモク</t>
    </rPh>
    <phoneticPr fontId="1"/>
  </si>
  <si>
    <t>記入欄</t>
    <rPh sb="0" eb="3">
      <t>キニュウラン</t>
    </rPh>
    <phoneticPr fontId="1"/>
  </si>
  <si>
    <t>別資料
該当箇所</t>
    <rPh sb="0" eb="1">
      <t>ベツ</t>
    </rPh>
    <rPh sb="1" eb="3">
      <t>シリョウ</t>
    </rPh>
    <rPh sb="4" eb="6">
      <t>ガイトウ</t>
    </rPh>
    <rPh sb="6" eb="8">
      <t>カショ</t>
    </rPh>
    <phoneticPr fontId="1"/>
  </si>
  <si>
    <t>①</t>
    <phoneticPr fontId="1"/>
  </si>
  <si>
    <t>介護職員の働きやすい職場環境づくりに資する取組</t>
    <phoneticPr fontId="1"/>
  </si>
  <si>
    <t>ア　職員の待遇改善に係る取組</t>
    <rPh sb="2" eb="4">
      <t>ショクイン</t>
    </rPh>
    <rPh sb="5" eb="7">
      <t>タイグウ</t>
    </rPh>
    <rPh sb="7" eb="9">
      <t>カイゼン</t>
    </rPh>
    <rPh sb="10" eb="11">
      <t>カカワ</t>
    </rPh>
    <rPh sb="12" eb="14">
      <t>トリクミ</t>
    </rPh>
    <phoneticPr fontId="1"/>
  </si>
  <si>
    <t>具体的な取組内容</t>
    <rPh sb="0" eb="3">
      <t>グタイテキ</t>
    </rPh>
    <rPh sb="4" eb="6">
      <t>トリクミ</t>
    </rPh>
    <rPh sb="6" eb="8">
      <t>ナイヨウ</t>
    </rPh>
    <phoneticPr fontId="1"/>
  </si>
  <si>
    <t>アピールポイント</t>
    <phoneticPr fontId="1"/>
  </si>
  <si>
    <t>【定量的な変化】</t>
    <rPh sb="1" eb="4">
      <t>テイリョウテキ</t>
    </rPh>
    <rPh sb="5" eb="7">
      <t>ヘンカ</t>
    </rPh>
    <phoneticPr fontId="1"/>
  </si>
  <si>
    <t>今後の展望</t>
    <rPh sb="0" eb="2">
      <t>コンゴ</t>
    </rPh>
    <rPh sb="3" eb="5">
      <t>テンボウ</t>
    </rPh>
    <phoneticPr fontId="1"/>
  </si>
  <si>
    <t>イ　人材育成に係る取組</t>
    <rPh sb="2" eb="4">
      <t>ジンザイ</t>
    </rPh>
    <rPh sb="4" eb="6">
      <t>イクセイ</t>
    </rPh>
    <rPh sb="7" eb="8">
      <t>カカワ</t>
    </rPh>
    <rPh sb="9" eb="11">
      <t>トリクミ</t>
    </rPh>
    <phoneticPr fontId="1"/>
  </si>
  <si>
    <t>②</t>
    <phoneticPr fontId="1"/>
  </si>
  <si>
    <t>実効性のある取組</t>
    <phoneticPr fontId="1"/>
  </si>
  <si>
    <t>【定性的な変化】</t>
    <rPh sb="1" eb="4">
      <t>テイセイテキ</t>
    </rPh>
    <rPh sb="5" eb="7">
      <t>ヘンカ</t>
    </rPh>
    <phoneticPr fontId="1"/>
  </si>
  <si>
    <t>③</t>
    <phoneticPr fontId="1"/>
  </si>
  <si>
    <t>持続性のある取組</t>
    <rPh sb="0" eb="3">
      <t>ジゾクセイ</t>
    </rPh>
    <rPh sb="6" eb="8">
      <t>トリクミ</t>
    </rPh>
    <phoneticPr fontId="1"/>
  </si>
  <si>
    <t>ア　継続的に取り組む体制や仕組み</t>
    <phoneticPr fontId="1"/>
  </si>
  <si>
    <t>④</t>
    <phoneticPr fontId="1"/>
  </si>
  <si>
    <t>横展開に向けた取組</t>
    <rPh sb="0" eb="1">
      <t>ヨコ</t>
    </rPh>
    <rPh sb="1" eb="3">
      <t>テンカイ</t>
    </rPh>
    <rPh sb="4" eb="5">
      <t>ム</t>
    </rPh>
    <rPh sb="7" eb="8">
      <t>ト</t>
    </rPh>
    <rPh sb="8" eb="9">
      <t>ク</t>
    </rPh>
    <phoneticPr fontId="1"/>
  </si>
  <si>
    <t>①から④について、それぞれが審査で配点される項目であるため、全ての項目を具体的に記入してください。ただし、①介護職員の働きやすい職場環境づくりに資する取組については、事業者の取組状況に応じて、ア～ウのいずれかのみの記載でも差し支えありません。（その場合でも、委員会の審査が減点になるものではありません。）</t>
    <rPh sb="83" eb="86">
      <t>ジギョウシャ</t>
    </rPh>
    <rPh sb="87" eb="89">
      <t>トリクミ</t>
    </rPh>
    <rPh sb="89" eb="91">
      <t>ジョウキョウ</t>
    </rPh>
    <rPh sb="92" eb="93">
      <t>オウ</t>
    </rPh>
    <rPh sb="107" eb="109">
      <t>キサイ</t>
    </rPh>
    <rPh sb="111" eb="112">
      <t>サ</t>
    </rPh>
    <rPh sb="113" eb="114">
      <t>ツカ</t>
    </rPh>
    <rPh sb="124" eb="126">
      <t>バアイ</t>
    </rPh>
    <rPh sb="129" eb="132">
      <t>イインカイ</t>
    </rPh>
    <rPh sb="133" eb="135">
      <t>シンサ</t>
    </rPh>
    <rPh sb="136" eb="138">
      <t>ゲンテン</t>
    </rPh>
    <phoneticPr fontId="1"/>
  </si>
  <si>
    <t>訪問介護事業所</t>
    <phoneticPr fontId="1"/>
  </si>
  <si>
    <t>訪問入浴介護事業所</t>
    <phoneticPr fontId="1"/>
  </si>
  <si>
    <t>訪問看護事業所</t>
    <phoneticPr fontId="1"/>
  </si>
  <si>
    <t>訪問リハビリテーション事業所</t>
    <phoneticPr fontId="1"/>
  </si>
  <si>
    <t>定期巡回・随時対応型訪問介護看護事業所</t>
    <phoneticPr fontId="1"/>
  </si>
  <si>
    <t>夜間対応型訪問介護事業所</t>
    <phoneticPr fontId="1"/>
  </si>
  <si>
    <t>居宅介護支援事業所</t>
    <phoneticPr fontId="1"/>
  </si>
  <si>
    <t>福祉用具貸与事業所</t>
    <phoneticPr fontId="1"/>
  </si>
  <si>
    <t>特定福祉用具販売事業所</t>
    <rPh sb="0" eb="2">
      <t>トクテイ</t>
    </rPh>
    <rPh sb="2" eb="6">
      <t>フクシヨウグ</t>
    </rPh>
    <rPh sb="6" eb="8">
      <t>ハンバイ</t>
    </rPh>
    <rPh sb="8" eb="11">
      <t>ジギョウショ</t>
    </rPh>
    <phoneticPr fontId="1"/>
  </si>
  <si>
    <t>居宅療養管理指導事業所</t>
  </si>
  <si>
    <t>通所介護事業所</t>
    <phoneticPr fontId="1"/>
  </si>
  <si>
    <t>地域密着型通所介護事業所</t>
    <phoneticPr fontId="1"/>
  </si>
  <si>
    <t>療養通所介護事業所</t>
    <phoneticPr fontId="1"/>
  </si>
  <si>
    <t>認知症対応型通所介護事業所</t>
    <phoneticPr fontId="1"/>
  </si>
  <si>
    <t>通所リハビリテーション事業所</t>
    <phoneticPr fontId="1"/>
  </si>
  <si>
    <t>短期入所生活介護事業所</t>
    <phoneticPr fontId="1"/>
  </si>
  <si>
    <t>短期入所療養介護事業所</t>
    <phoneticPr fontId="1"/>
  </si>
  <si>
    <t>小規模多機能型居宅介護事業所</t>
    <phoneticPr fontId="1"/>
  </si>
  <si>
    <t>看護小規模多機能型居宅介護事業所</t>
  </si>
  <si>
    <t>介護老人福祉施設</t>
    <phoneticPr fontId="1"/>
  </si>
  <si>
    <t>地域密着型介護老人福祉施設</t>
    <phoneticPr fontId="1"/>
  </si>
  <si>
    <t>介護老人保健施設</t>
    <phoneticPr fontId="1"/>
  </si>
  <si>
    <t>介護医療院</t>
    <phoneticPr fontId="1"/>
  </si>
  <si>
    <t>介護療養型医療施設</t>
    <phoneticPr fontId="1"/>
  </si>
  <si>
    <t>認知症対応型共同生活介護事業所</t>
    <phoneticPr fontId="1"/>
  </si>
  <si>
    <t>養護老人ホーム</t>
    <phoneticPr fontId="1"/>
  </si>
  <si>
    <t>軽費老人ホーム</t>
    <phoneticPr fontId="1"/>
  </si>
  <si>
    <t>有料老人ホーム</t>
    <phoneticPr fontId="1"/>
  </si>
  <si>
    <t>サービス付き高齢者向け住宅</t>
  </si>
  <si>
    <t>ウ　介護現場の生産性向上に係る取組</t>
    <phoneticPr fontId="1"/>
  </si>
  <si>
    <t>【定性的な変化】</t>
    <phoneticPr fontId="1"/>
  </si>
  <si>
    <t>従業員数（常勤／非常勤）
※法人ではなく、事業所・施設単位の人数をご回答ください。</t>
    <rPh sb="0" eb="3">
      <t>ジュウギョウイン</t>
    </rPh>
    <rPh sb="3" eb="4">
      <t>スウ</t>
    </rPh>
    <rPh sb="5" eb="7">
      <t>ジョウキン</t>
    </rPh>
    <rPh sb="8" eb="11">
      <t>ヒジョウキン</t>
    </rPh>
    <rPh sb="14" eb="16">
      <t>ホウジン</t>
    </rPh>
    <rPh sb="21" eb="24">
      <t>ジギョウショ</t>
    </rPh>
    <rPh sb="25" eb="27">
      <t>シセツ</t>
    </rPh>
    <rPh sb="27" eb="29">
      <t>タンイ</t>
    </rPh>
    <rPh sb="30" eb="32">
      <t>ニンズウ</t>
    </rPh>
    <rPh sb="34" eb="36">
      <t>カイトウ</t>
    </rPh>
    <phoneticPr fontId="1"/>
  </si>
  <si>
    <r>
      <rPr>
        <sz val="10"/>
        <rFont val="游ゴシック"/>
        <family val="3"/>
        <charset val="128"/>
        <scheme val="minor"/>
      </rPr>
      <t>○利用者数、従業員数は令和６年１月１日時点の内容とし</t>
    </r>
    <r>
      <rPr>
        <sz val="10"/>
        <color theme="1"/>
        <rFont val="游ゴシック"/>
        <family val="3"/>
        <charset val="128"/>
        <scheme val="minor"/>
      </rPr>
      <t>てください。</t>
    </r>
    <rPh sb="1" eb="4">
      <t>リヨウシャ</t>
    </rPh>
    <rPh sb="4" eb="5">
      <t>スウ</t>
    </rPh>
    <rPh sb="6" eb="9">
      <t>ジュウギョウイン</t>
    </rPh>
    <rPh sb="9" eb="10">
      <t>スウ</t>
    </rPh>
    <rPh sb="11" eb="13">
      <t>レイワ</t>
    </rPh>
    <rPh sb="14" eb="15">
      <t>ネン</t>
    </rPh>
    <rPh sb="16" eb="17">
      <t>ガツ</t>
    </rPh>
    <rPh sb="18" eb="19">
      <t>ニチ</t>
    </rPh>
    <rPh sb="19" eb="21">
      <t>ジテン</t>
    </rPh>
    <rPh sb="22" eb="24">
      <t>ナイヨウ</t>
    </rPh>
    <phoneticPr fontId="1"/>
  </si>
  <si>
    <t>エ　上記の他、取組による効果
※取組前後の変化が分かるよう具体的に記載
※定量的な変化について、少なくとも「ア～エ」のうち１つは必ず記載すること</t>
    <phoneticPr fontId="1"/>
  </si>
  <si>
    <t>ア　法人内の事業所や他法人への展開の可能性
（注：自らの取組のうち、他の事業者や他法人でも展開ができると考える取組内容とその理由について記載してください）</t>
    <rPh sb="2" eb="4">
      <t>ホウジン</t>
    </rPh>
    <phoneticPr fontId="1"/>
  </si>
  <si>
    <t>イ　取組の展開に向けた協力について
（例：経験のある職員の派遣、視察の受け入れ等）
（注：既に行っている取組のほか、今後協力が可能な取組についても記載してください）</t>
    <rPh sb="2" eb="4">
      <t>トリクミ</t>
    </rPh>
    <rPh sb="5" eb="7">
      <t>テンカイ</t>
    </rPh>
    <rPh sb="8" eb="9">
      <t>ム</t>
    </rPh>
    <rPh sb="11" eb="13">
      <t>キョウリョク</t>
    </rPh>
    <rPh sb="19" eb="20">
      <t>レイ</t>
    </rPh>
    <rPh sb="21" eb="23">
      <t>ケイケン</t>
    </rPh>
    <rPh sb="26" eb="28">
      <t>ショクイン</t>
    </rPh>
    <rPh sb="29" eb="31">
      <t>ハケン</t>
    </rPh>
    <rPh sb="32" eb="34">
      <t>シサツ</t>
    </rPh>
    <rPh sb="35" eb="36">
      <t>ウ</t>
    </rPh>
    <rPh sb="37" eb="38">
      <t>イ</t>
    </rPh>
    <rPh sb="39" eb="40">
      <t>ナド</t>
    </rPh>
    <rPh sb="43" eb="44">
      <t>チュウ</t>
    </rPh>
    <phoneticPr fontId="1"/>
  </si>
  <si>
    <t>イ　補助金等の活用状況（自己財源の活用状況）
（注：職場環境づくりの取組の実施にあたり、国・都道府県の補助金等と自己財源の具体的な負担割合をできるだけ記入してください）</t>
    <rPh sb="2" eb="5">
      <t>ホジョキン</t>
    </rPh>
    <rPh sb="5" eb="6">
      <t>トウ</t>
    </rPh>
    <rPh sb="7" eb="9">
      <t>カツヨウ</t>
    </rPh>
    <rPh sb="9" eb="11">
      <t>ジョウキョウ</t>
    </rPh>
    <rPh sb="12" eb="14">
      <t>ジコ</t>
    </rPh>
    <rPh sb="14" eb="16">
      <t>ザイゲン</t>
    </rPh>
    <rPh sb="17" eb="19">
      <t>カツヨウ</t>
    </rPh>
    <rPh sb="19" eb="21">
      <t>ジョウキョウ</t>
    </rPh>
    <rPh sb="24" eb="25">
      <t>チュウ</t>
    </rPh>
    <phoneticPr fontId="1"/>
  </si>
  <si>
    <t>＜記載例＞
・職員からの意見を反映して実現した取組の件数による比較：
　※上記の指標を使用する場合は、記載例に倣うこと。</t>
    <phoneticPr fontId="1"/>
  </si>
  <si>
    <t>＜記載例＞
・取組前後の１ヶ月の平均超過勤務時間（1人当たり）による比較
　：○.○時間/月（○年時点）→○.○時間/月（○年時点）
・取組前後の利用者や家族へのアンケートの結果による比較：
　※上記の指標を使用する場合は、記載例に倣うこと。</t>
    <rPh sb="14" eb="15">
      <t>ゲツ</t>
    </rPh>
    <rPh sb="16" eb="18">
      <t>ヘイキン</t>
    </rPh>
    <rPh sb="18" eb="20">
      <t>ツキヘイキン</t>
    </rPh>
    <rPh sb="34" eb="36">
      <t>ヒカク</t>
    </rPh>
    <rPh sb="42" eb="44">
      <t>ジカン</t>
    </rPh>
    <rPh sb="45" eb="46">
      <t>ツキ</t>
    </rPh>
    <rPh sb="56" eb="58">
      <t>ジカン</t>
    </rPh>
    <rPh sb="59" eb="60">
      <t>ツキ</t>
    </rPh>
    <rPh sb="68" eb="70">
      <t>トリクミ</t>
    </rPh>
    <rPh sb="70" eb="72">
      <t>ゼンゴ</t>
    </rPh>
    <rPh sb="73" eb="76">
      <t>リヨウシャ</t>
    </rPh>
    <rPh sb="77" eb="79">
      <t>カゾク</t>
    </rPh>
    <rPh sb="87" eb="89">
      <t>ケッカ</t>
    </rPh>
    <rPh sb="92" eb="94">
      <t>ヒカク</t>
    </rPh>
    <phoneticPr fontId="1"/>
  </si>
  <si>
    <t>＜記載例＞
・取組前後の人員配置の変化率による比較：看護・介護職員（常勤換算）１人当たり利用者数○.○人/月（○年○月時点）→○.○人/月（○年○月時点）
　※人員配置の計算に当たっては、「定員」と「看護・介護職員常勤換算数」により算定し、上記のとおり記載すること。</t>
    <rPh sb="34" eb="36">
      <t>ジョウキン</t>
    </rPh>
    <rPh sb="36" eb="38">
      <t>カンサン</t>
    </rPh>
    <rPh sb="40" eb="41">
      <t>ニン</t>
    </rPh>
    <rPh sb="41" eb="42">
      <t>ア</t>
    </rPh>
    <rPh sb="44" eb="47">
      <t>リヨウシャ</t>
    </rPh>
    <rPh sb="47" eb="48">
      <t>スウ</t>
    </rPh>
    <rPh sb="51" eb="52">
      <t>ニン</t>
    </rPh>
    <rPh sb="53" eb="54">
      <t>ツキ</t>
    </rPh>
    <rPh sb="56" eb="57">
      <t>ネン</t>
    </rPh>
    <rPh sb="58" eb="59">
      <t>ガツ</t>
    </rPh>
    <rPh sb="59" eb="61">
      <t>ジテン</t>
    </rPh>
    <rPh sb="124" eb="126">
      <t>テイイン</t>
    </rPh>
    <rPh sb="129" eb="131">
      <t>カンゴカイゴショクインジョウキンカンサンスウサンテイジョウキキサイ</t>
    </rPh>
    <phoneticPr fontId="1"/>
  </si>
  <si>
    <t>＜記載例＞
・取組前後の有給休暇（年間）の平均取得日数（1人当たり）による比較
　：○.○日/年（○年○月時点）→○.○日/年（○年○月時点）
・取組前後の離職率（年間）による比較：○.○％（○年○月時点）→○.○％（○年○月時点）
・取組前後の職員へのアンケートの結果による比較：
　※上記の指標を使用する場合は、記載例に倣うこと。</t>
    <rPh sb="1" eb="3">
      <t>キサイ</t>
    </rPh>
    <rPh sb="3" eb="4">
      <t>レイ</t>
    </rPh>
    <rPh sb="9" eb="11">
      <t>ゼンゴ</t>
    </rPh>
    <rPh sb="12" eb="14">
      <t>ユウキュウ</t>
    </rPh>
    <rPh sb="14" eb="16">
      <t>キュウカ</t>
    </rPh>
    <rPh sb="17" eb="19">
      <t>ネンカン</t>
    </rPh>
    <rPh sb="21" eb="23">
      <t>ヘイキン</t>
    </rPh>
    <rPh sb="23" eb="25">
      <t>シュトク</t>
    </rPh>
    <rPh sb="25" eb="27">
      <t>ニッスウ</t>
    </rPh>
    <rPh sb="28" eb="30">
      <t>ヒトリ</t>
    </rPh>
    <rPh sb="30" eb="31">
      <t>ア</t>
    </rPh>
    <rPh sb="37" eb="39">
      <t>ヒカク</t>
    </rPh>
    <rPh sb="45" eb="46">
      <t>ニチ</t>
    </rPh>
    <rPh sb="47" eb="48">
      <t>ネン</t>
    </rPh>
    <rPh sb="53" eb="55">
      <t>ジテン</t>
    </rPh>
    <rPh sb="59" eb="60">
      <t>ニチ</t>
    </rPh>
    <rPh sb="61" eb="62">
      <t>ネン</t>
    </rPh>
    <rPh sb="81" eb="83">
      <t>ネンカン</t>
    </rPh>
    <rPh sb="117" eb="119">
      <t>トリクミ</t>
    </rPh>
    <rPh sb="119" eb="121">
      <t>ゼンゴ</t>
    </rPh>
    <rPh sb="122" eb="124">
      <t>ショクイン</t>
    </rPh>
    <rPh sb="132" eb="134">
      <t>ケッカ</t>
    </rPh>
    <rPh sb="137" eb="139">
      <t>ヒカク</t>
    </rPh>
    <rPh sb="143" eb="145">
      <t>ジョウキ</t>
    </rPh>
    <rPh sb="146" eb="148">
      <t>シヒョウ</t>
    </rPh>
    <rPh sb="149" eb="151">
      <t>シヨウ</t>
    </rPh>
    <rPh sb="153" eb="155">
      <t>バアイ</t>
    </rPh>
    <rPh sb="157" eb="159">
      <t>キサイ</t>
    </rPh>
    <rPh sb="159" eb="160">
      <t>レイ</t>
    </rPh>
    <rPh sb="161" eb="162">
      <t>ナラ</t>
    </rPh>
    <phoneticPr fontId="1"/>
  </si>
  <si>
    <t>②から④までについては、①の取組に対する記載としてください。</t>
    <rPh sb="14" eb="15">
      <t>ト</t>
    </rPh>
    <rPh sb="15" eb="16">
      <t>ク</t>
    </rPh>
    <rPh sb="17" eb="18">
      <t>タイ</t>
    </rPh>
    <rPh sb="20" eb="22">
      <t>キサイ</t>
    </rPh>
    <phoneticPr fontId="1"/>
  </si>
  <si>
    <t>ア　職員の業務への満足度
※取組後の変化が分かるよう具体的に記載
※定量的な変化について、少なくとも「ア～エ」のうち１つは必ず記載すること</t>
    <rPh sb="34" eb="37">
      <t>テイリョウテキ</t>
    </rPh>
    <rPh sb="38" eb="40">
      <t>ヘンカ</t>
    </rPh>
    <rPh sb="45" eb="46">
      <t>スク</t>
    </rPh>
    <rPh sb="61" eb="62">
      <t>カナラ</t>
    </rPh>
    <rPh sb="63" eb="65">
      <t>キサイ</t>
    </rPh>
    <phoneticPr fontId="1"/>
  </si>
  <si>
    <t>イ　職員の負担軽減、サービスの質の確保
※取組前後の変化が分かるよう具体的に記載
※定量的な変化について、少なくとも「ア～エ」のうち１つは必ず記載すること</t>
    <rPh sb="26" eb="29">
      <t>リヨウシャ</t>
    </rPh>
    <rPh sb="30" eb="32">
      <t>カゾク</t>
    </rPh>
    <rPh sb="69" eb="70">
      <t>カナラ</t>
    </rPh>
    <phoneticPr fontId="1"/>
  </si>
  <si>
    <t>ウ　職員の意見を聞く機会、協力体制
※取組前後の変化が分かるよう具体的に記載
※定量的な変化について、少なくとも「ア～エ」のうち１つは必ず記載すること</t>
    <rPh sb="13" eb="15">
      <t>キョウリョク</t>
    </rPh>
    <rPh sb="15" eb="17">
      <t>タイセイ</t>
    </rPh>
    <rPh sb="67" eb="68">
      <t>カナラ</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color theme="1"/>
      <name val="游ゴシック"/>
      <family val="2"/>
      <charset val="128"/>
      <scheme val="minor"/>
    </font>
    <font>
      <sz val="6"/>
      <name val="游ゴシック"/>
      <family val="2"/>
      <charset val="128"/>
      <scheme val="minor"/>
    </font>
    <font>
      <sz val="10"/>
      <color theme="1"/>
      <name val="游ゴシック"/>
      <family val="2"/>
      <charset val="128"/>
      <scheme val="minor"/>
    </font>
    <font>
      <sz val="10"/>
      <color theme="1"/>
      <name val="游ゴシック"/>
      <family val="3"/>
      <charset val="128"/>
      <scheme val="minor"/>
    </font>
    <font>
      <sz val="11"/>
      <color theme="1"/>
      <name val="游ゴシック"/>
      <family val="3"/>
      <charset val="128"/>
      <scheme val="minor"/>
    </font>
    <font>
      <sz val="11"/>
      <name val="游ゴシック"/>
      <family val="3"/>
      <charset val="128"/>
      <scheme val="minor"/>
    </font>
    <font>
      <sz val="10"/>
      <name val="游ゴシック"/>
      <family val="3"/>
      <charset val="128"/>
      <scheme val="minor"/>
    </font>
  </fonts>
  <fills count="3">
    <fill>
      <patternFill patternType="none"/>
    </fill>
    <fill>
      <patternFill patternType="gray125"/>
    </fill>
    <fill>
      <patternFill patternType="solid">
        <fgColor rgb="FFFFFF00"/>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style="dashed">
        <color indexed="64"/>
      </bottom>
      <diagonal/>
    </border>
  </borders>
  <cellStyleXfs count="1">
    <xf numFmtId="0" fontId="0" fillId="0" borderId="0">
      <alignment vertical="center"/>
    </xf>
  </cellStyleXfs>
  <cellXfs count="60">
    <xf numFmtId="0" fontId="0" fillId="0" borderId="0" xfId="0">
      <alignment vertical="center"/>
    </xf>
    <xf numFmtId="0" fontId="0" fillId="0" borderId="1" xfId="0" applyBorder="1">
      <alignment vertical="center"/>
    </xf>
    <xf numFmtId="0" fontId="0" fillId="0" borderId="0" xfId="0" applyAlignment="1">
      <alignment vertical="center" wrapText="1"/>
    </xf>
    <xf numFmtId="0" fontId="2" fillId="0" borderId="0" xfId="0" applyFont="1">
      <alignment vertical="center"/>
    </xf>
    <xf numFmtId="0" fontId="3" fillId="0" borderId="0" xfId="0" applyFont="1">
      <alignment vertical="center"/>
    </xf>
    <xf numFmtId="0" fontId="4" fillId="0" borderId="5" xfId="0" applyFont="1" applyBorder="1" applyAlignment="1">
      <alignment horizontal="left" vertical="center"/>
    </xf>
    <xf numFmtId="0" fontId="4" fillId="0" borderId="0" xfId="0" applyFont="1">
      <alignment vertical="center"/>
    </xf>
    <xf numFmtId="0" fontId="4" fillId="0" borderId="4" xfId="0" applyFont="1" applyBorder="1" applyAlignment="1">
      <alignment horizontal="center" vertical="center"/>
    </xf>
    <xf numFmtId="0" fontId="4" fillId="0" borderId="4" xfId="0" applyFont="1" applyBorder="1" applyAlignment="1">
      <alignment horizontal="center" vertical="center" wrapText="1"/>
    </xf>
    <xf numFmtId="0" fontId="4" fillId="0" borderId="3" xfId="0" applyFont="1" applyBorder="1" applyAlignment="1">
      <alignment vertical="center" wrapText="1"/>
    </xf>
    <xf numFmtId="0" fontId="4" fillId="0" borderId="1" xfId="0" applyFont="1" applyBorder="1">
      <alignment vertical="center"/>
    </xf>
    <xf numFmtId="0" fontId="4" fillId="0" borderId="1" xfId="0" applyFont="1" applyBorder="1" applyAlignment="1">
      <alignment vertical="center" wrapText="1"/>
    </xf>
    <xf numFmtId="0" fontId="4" fillId="0" borderId="3" xfId="0" applyFont="1" applyBorder="1" applyAlignment="1">
      <alignment horizontal="center" vertical="center"/>
    </xf>
    <xf numFmtId="0" fontId="4" fillId="0" borderId="4" xfId="0" applyFont="1" applyBorder="1" applyAlignment="1">
      <alignment vertical="center" wrapText="1"/>
    </xf>
    <xf numFmtId="0" fontId="4" fillId="0" borderId="4" xfId="0" applyFont="1" applyBorder="1">
      <alignment vertical="center"/>
    </xf>
    <xf numFmtId="0" fontId="4" fillId="0" borderId="1" xfId="0" applyFont="1" applyBorder="1" applyAlignment="1">
      <alignment horizontal="center" vertical="center"/>
    </xf>
    <xf numFmtId="0" fontId="4" fillId="2" borderId="0" xfId="0" applyFont="1" applyFill="1">
      <alignment vertical="center"/>
    </xf>
    <xf numFmtId="0" fontId="4" fillId="0" borderId="15" xfId="0" applyFont="1" applyBorder="1">
      <alignment vertical="center"/>
    </xf>
    <xf numFmtId="0" fontId="3" fillId="0" borderId="4" xfId="0" applyFont="1" applyBorder="1" applyAlignment="1">
      <alignment vertical="center" wrapText="1"/>
    </xf>
    <xf numFmtId="0" fontId="4" fillId="0" borderId="2" xfId="0" applyFont="1" applyBorder="1" applyAlignment="1">
      <alignment horizontal="center" vertical="center"/>
    </xf>
    <xf numFmtId="0" fontId="4" fillId="0" borderId="4" xfId="0" applyFont="1" applyBorder="1" applyAlignment="1">
      <alignment vertical="center"/>
    </xf>
    <xf numFmtId="0" fontId="4" fillId="0" borderId="14" xfId="0" applyFont="1" applyBorder="1">
      <alignment vertical="center"/>
    </xf>
    <xf numFmtId="0" fontId="4" fillId="0" borderId="12" xfId="0" applyFont="1" applyBorder="1">
      <alignment vertical="center"/>
    </xf>
    <xf numFmtId="0" fontId="0" fillId="0" borderId="1" xfId="0" applyBorder="1" applyAlignment="1">
      <alignment horizontal="center" vertical="center" wrapText="1"/>
    </xf>
    <xf numFmtId="0" fontId="0" fillId="0" borderId="0" xfId="0" applyAlignment="1">
      <alignment horizontal="center" vertical="center"/>
    </xf>
    <xf numFmtId="0" fontId="0" fillId="0" borderId="3" xfId="0" applyBorder="1" applyAlignment="1">
      <alignment horizontal="center" vertical="center" wrapText="1"/>
    </xf>
    <xf numFmtId="0" fontId="0" fillId="0" borderId="2" xfId="0" applyBorder="1" applyAlignment="1">
      <alignment horizontal="center" vertical="center" wrapText="1"/>
    </xf>
    <xf numFmtId="0" fontId="0" fillId="0" borderId="4" xfId="0" applyBorder="1" applyAlignment="1">
      <alignment horizontal="center" vertical="center" wrapText="1"/>
    </xf>
    <xf numFmtId="0" fontId="3" fillId="0" borderId="0" xfId="0" applyFont="1" applyAlignment="1">
      <alignment horizontal="left" vertical="center"/>
    </xf>
    <xf numFmtId="0" fontId="4" fillId="0" borderId="1" xfId="0" applyFont="1" applyBorder="1" applyAlignment="1">
      <alignment horizontal="left" vertical="center" wrapText="1"/>
    </xf>
    <xf numFmtId="0" fontId="0" fillId="0" borderId="1" xfId="0" applyBorder="1" applyAlignment="1">
      <alignment horizontal="left" vertical="center"/>
    </xf>
    <xf numFmtId="0" fontId="3" fillId="0" borderId="0" xfId="0" applyFont="1" applyAlignment="1">
      <alignment horizontal="left" vertical="center" wrapText="1"/>
    </xf>
    <xf numFmtId="0" fontId="5" fillId="0" borderId="10" xfId="0" applyFont="1" applyBorder="1" applyAlignment="1">
      <alignment horizontal="left" vertical="center" wrapText="1"/>
    </xf>
    <xf numFmtId="0" fontId="4" fillId="0" borderId="11" xfId="0" applyFont="1" applyBorder="1" applyAlignment="1">
      <alignment horizontal="left" vertical="center"/>
    </xf>
    <xf numFmtId="0" fontId="4" fillId="0" borderId="1" xfId="0" applyFont="1" applyBorder="1" applyAlignment="1">
      <alignment horizontal="center" vertical="center"/>
    </xf>
    <xf numFmtId="0" fontId="4" fillId="0" borderId="3" xfId="0" applyFont="1" applyBorder="1" applyAlignment="1">
      <alignment horizontal="center" vertical="center"/>
    </xf>
    <xf numFmtId="0" fontId="4" fillId="0" borderId="10" xfId="0" applyFont="1" applyBorder="1" applyAlignment="1">
      <alignment horizontal="left" vertical="center" wrapText="1"/>
    </xf>
    <xf numFmtId="0" fontId="4" fillId="0" borderId="11" xfId="0" applyFont="1" applyBorder="1" applyAlignment="1">
      <alignment horizontal="left" vertical="center" wrapText="1"/>
    </xf>
    <xf numFmtId="0" fontId="4" fillId="0" borderId="10" xfId="0" applyFont="1" applyBorder="1" applyAlignment="1">
      <alignment vertical="center" wrapText="1"/>
    </xf>
    <xf numFmtId="0" fontId="4" fillId="0" borderId="11" xfId="0" applyFont="1" applyBorder="1" applyAlignment="1">
      <alignment vertical="center" wrapText="1"/>
    </xf>
    <xf numFmtId="0" fontId="4" fillId="0" borderId="13" xfId="0" applyFont="1" applyBorder="1" applyAlignment="1">
      <alignment vertical="center" wrapText="1"/>
    </xf>
    <xf numFmtId="0" fontId="4" fillId="0" borderId="14" xfId="0" applyFont="1" applyBorder="1" applyAlignment="1">
      <alignment vertical="center" wrapText="1"/>
    </xf>
    <xf numFmtId="0" fontId="4" fillId="0" borderId="8" xfId="0" applyFont="1" applyBorder="1" applyAlignment="1">
      <alignment vertical="center" wrapText="1"/>
    </xf>
    <xf numFmtId="0" fontId="4" fillId="0" borderId="9" xfId="0" applyFont="1" applyBorder="1" applyAlignment="1">
      <alignmen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3" xfId="0" applyFont="1" applyBorder="1" applyAlignment="1">
      <alignment horizontal="left" vertical="center" wrapText="1"/>
    </xf>
    <xf numFmtId="0" fontId="4" fillId="0" borderId="2" xfId="0" applyFont="1" applyBorder="1" applyAlignment="1">
      <alignment horizontal="left" vertical="center" wrapText="1"/>
    </xf>
    <xf numFmtId="0" fontId="4" fillId="0" borderId="4" xfId="0" applyFont="1" applyBorder="1" applyAlignment="1">
      <alignment horizontal="left" vertical="center" wrapText="1"/>
    </xf>
    <xf numFmtId="0" fontId="4" fillId="0" borderId="2" xfId="0" applyFont="1" applyBorder="1" applyAlignment="1">
      <alignment horizontal="center" vertical="center"/>
    </xf>
    <xf numFmtId="0" fontId="4" fillId="0" borderId="4" xfId="0" applyFont="1" applyBorder="1" applyAlignment="1">
      <alignment horizontal="center" vertical="center"/>
    </xf>
    <xf numFmtId="0" fontId="4" fillId="0" borderId="13" xfId="0" applyFont="1" applyBorder="1" applyAlignment="1">
      <alignment horizontal="left" vertical="center" wrapText="1"/>
    </xf>
    <xf numFmtId="0" fontId="4" fillId="0" borderId="14" xfId="0" applyFont="1" applyBorder="1" applyAlignment="1">
      <alignment horizontal="left" vertical="center" wrapText="1"/>
    </xf>
    <xf numFmtId="0" fontId="4" fillId="0" borderId="8" xfId="0" applyFont="1" applyBorder="1" applyAlignment="1">
      <alignment horizontal="left" vertical="center" wrapText="1"/>
    </xf>
    <xf numFmtId="0" fontId="4" fillId="0" borderId="9" xfId="0" applyFont="1" applyBorder="1" applyAlignment="1">
      <alignment horizontal="left" vertical="center" wrapText="1"/>
    </xf>
    <xf numFmtId="0" fontId="4" fillId="0" borderId="0" xfId="0" applyFont="1" applyAlignment="1">
      <alignment horizontal="left" vertical="center"/>
    </xf>
    <xf numFmtId="0" fontId="4" fillId="0" borderId="0" xfId="0" applyFont="1" applyAlignment="1">
      <alignment horizontal="left" vertical="center" wrapText="1"/>
    </xf>
    <xf numFmtId="0" fontId="4" fillId="0" borderId="8" xfId="0" applyFont="1" applyBorder="1" applyAlignment="1">
      <alignment horizontal="center" vertical="center"/>
    </xf>
    <xf numFmtId="0" fontId="4" fillId="0" borderId="5" xfId="0" applyFont="1" applyBorder="1" applyAlignment="1">
      <alignment horizontal="center" vertical="center"/>
    </xf>
    <xf numFmtId="0" fontId="4" fillId="0" borderId="9"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 Id="rId9" Type="http://schemas.openxmlformats.org/officeDocument/2006/relationships/customXml" Target="../customXml/item3.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3"/>
  <sheetViews>
    <sheetView view="pageBreakPreview" zoomScaleNormal="100" zoomScaleSheetLayoutView="100" workbookViewId="0">
      <selection activeCell="A2" sqref="A2:C2"/>
    </sheetView>
  </sheetViews>
  <sheetFormatPr defaultRowHeight="18" x14ac:dyDescent="0.45"/>
  <cols>
    <col min="1" max="1" width="10" customWidth="1"/>
    <col min="2" max="2" width="26.19921875" customWidth="1"/>
    <col min="3" max="3" width="48.59765625" customWidth="1"/>
  </cols>
  <sheetData>
    <row r="1" spans="1:3" x14ac:dyDescent="0.45">
      <c r="A1" t="s">
        <v>0</v>
      </c>
    </row>
    <row r="2" spans="1:3" x14ac:dyDescent="0.45">
      <c r="A2" s="24" t="s">
        <v>1</v>
      </c>
      <c r="B2" s="24"/>
      <c r="C2" s="24"/>
    </row>
    <row r="3" spans="1:3" x14ac:dyDescent="0.45">
      <c r="A3" t="s">
        <v>2</v>
      </c>
    </row>
    <row r="4" spans="1:3" ht="30" customHeight="1" x14ac:dyDescent="0.45">
      <c r="A4" s="23" t="s">
        <v>3</v>
      </c>
      <c r="B4" s="1" t="s">
        <v>4</v>
      </c>
      <c r="C4" s="1"/>
    </row>
    <row r="5" spans="1:3" ht="30" customHeight="1" x14ac:dyDescent="0.45">
      <c r="A5" s="23"/>
      <c r="B5" s="1" t="s">
        <v>5</v>
      </c>
      <c r="C5" s="1"/>
    </row>
    <row r="6" spans="1:3" ht="30" customHeight="1" x14ac:dyDescent="0.45">
      <c r="A6" s="23"/>
      <c r="B6" s="1" t="s">
        <v>6</v>
      </c>
      <c r="C6" s="1"/>
    </row>
    <row r="7" spans="1:3" ht="30" customHeight="1" x14ac:dyDescent="0.45">
      <c r="A7" s="23"/>
      <c r="B7" s="1" t="s">
        <v>7</v>
      </c>
      <c r="C7" s="1"/>
    </row>
    <row r="8" spans="1:3" ht="30" customHeight="1" x14ac:dyDescent="0.45">
      <c r="A8" s="23" t="s">
        <v>8</v>
      </c>
      <c r="B8" s="1" t="s">
        <v>4</v>
      </c>
      <c r="C8" s="1"/>
    </row>
    <row r="9" spans="1:3" ht="30" customHeight="1" x14ac:dyDescent="0.45">
      <c r="A9" s="23"/>
      <c r="B9" s="1" t="s">
        <v>5</v>
      </c>
      <c r="C9" s="1"/>
    </row>
    <row r="10" spans="1:3" ht="30" customHeight="1" x14ac:dyDescent="0.45">
      <c r="A10" s="23"/>
      <c r="B10" s="1" t="s">
        <v>9</v>
      </c>
      <c r="C10" s="1"/>
    </row>
    <row r="11" spans="1:3" ht="30" customHeight="1" x14ac:dyDescent="0.45">
      <c r="A11" s="23"/>
      <c r="B11" s="1" t="s">
        <v>6</v>
      </c>
      <c r="C11" s="1"/>
    </row>
    <row r="12" spans="1:3" ht="30" customHeight="1" x14ac:dyDescent="0.45">
      <c r="A12" s="23"/>
      <c r="B12" s="1" t="s">
        <v>7</v>
      </c>
      <c r="C12" s="1"/>
    </row>
    <row r="13" spans="1:3" ht="30" customHeight="1" x14ac:dyDescent="0.45">
      <c r="A13" s="25" t="s">
        <v>10</v>
      </c>
      <c r="B13" s="1" t="s">
        <v>11</v>
      </c>
      <c r="C13" s="1"/>
    </row>
    <row r="14" spans="1:3" ht="30" customHeight="1" x14ac:dyDescent="0.45">
      <c r="A14" s="26"/>
      <c r="B14" s="1" t="s">
        <v>12</v>
      </c>
      <c r="C14" s="1"/>
    </row>
    <row r="15" spans="1:3" ht="30" customHeight="1" x14ac:dyDescent="0.45">
      <c r="A15" s="27"/>
      <c r="B15" s="1" t="s">
        <v>13</v>
      </c>
      <c r="C15" s="1"/>
    </row>
    <row r="16" spans="1:3" ht="30" customHeight="1" x14ac:dyDescent="0.45">
      <c r="A16" s="30" t="s">
        <v>14</v>
      </c>
      <c r="B16" s="30"/>
      <c r="C16" s="1"/>
    </row>
    <row r="17" spans="1:6" ht="52.2" customHeight="1" x14ac:dyDescent="0.45">
      <c r="A17" s="32" t="s">
        <v>72</v>
      </c>
      <c r="B17" s="33"/>
      <c r="C17" s="1"/>
    </row>
    <row r="18" spans="1:6" ht="39.75" customHeight="1" x14ac:dyDescent="0.45">
      <c r="A18" s="29" t="s">
        <v>15</v>
      </c>
      <c r="B18" s="29"/>
      <c r="C18" s="1"/>
    </row>
    <row r="19" spans="1:6" ht="39.75" customHeight="1" x14ac:dyDescent="0.45">
      <c r="A19" s="29" t="s">
        <v>16</v>
      </c>
      <c r="B19" s="29"/>
      <c r="C19" s="1"/>
    </row>
    <row r="20" spans="1:6" x14ac:dyDescent="0.45">
      <c r="A20" s="3" t="s">
        <v>17</v>
      </c>
      <c r="B20" s="4"/>
      <c r="C20" s="4"/>
    </row>
    <row r="21" spans="1:6" ht="22.5" customHeight="1" x14ac:dyDescent="0.45">
      <c r="A21" s="31" t="s">
        <v>18</v>
      </c>
      <c r="B21" s="31"/>
      <c r="C21" s="31"/>
      <c r="D21" s="2"/>
      <c r="E21" s="2"/>
      <c r="F21" s="2"/>
    </row>
    <row r="22" spans="1:6" ht="30" customHeight="1" x14ac:dyDescent="0.45">
      <c r="A22" s="31" t="s">
        <v>19</v>
      </c>
      <c r="B22" s="31"/>
      <c r="C22" s="31"/>
    </row>
    <row r="23" spans="1:6" x14ac:dyDescent="0.45">
      <c r="A23" s="28" t="s">
        <v>73</v>
      </c>
      <c r="B23" s="28"/>
      <c r="C23" s="28"/>
    </row>
  </sheetData>
  <mergeCells count="11">
    <mergeCell ref="A4:A7"/>
    <mergeCell ref="A2:C2"/>
    <mergeCell ref="A8:A12"/>
    <mergeCell ref="A13:A15"/>
    <mergeCell ref="A23:C23"/>
    <mergeCell ref="A19:B19"/>
    <mergeCell ref="A16:B16"/>
    <mergeCell ref="A18:B18"/>
    <mergeCell ref="A22:C22"/>
    <mergeCell ref="A21:C21"/>
    <mergeCell ref="A17:B17"/>
  </mergeCells>
  <phoneticPr fontId="1"/>
  <pageMargins left="0.51181102362204722" right="0.51181102362204722" top="0.55118110236220474" bottom="0.74803149606299213" header="0.31496062992125984" footer="0.31496062992125984"/>
  <pageSetup paperSize="9"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14:formula1>
            <xm:f>入力リスト!$B$2:$B$30</xm:f>
          </x14:formula1>
          <xm:sqref>C10</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34"/>
  <sheetViews>
    <sheetView showGridLines="0" tabSelected="1" view="pageBreakPreview" zoomScaleNormal="100" zoomScaleSheetLayoutView="100" workbookViewId="0">
      <selection sqref="A1:F34"/>
    </sheetView>
  </sheetViews>
  <sheetFormatPr defaultColWidth="9" defaultRowHeight="18" x14ac:dyDescent="0.45"/>
  <cols>
    <col min="1" max="1" width="4.3984375" style="6" customWidth="1"/>
    <col min="2" max="3" width="10" style="6" customWidth="1"/>
    <col min="4" max="4" width="23.8984375" style="6" customWidth="1"/>
    <col min="5" max="5" width="73.5" style="6" customWidth="1"/>
    <col min="6" max="6" width="9.5" style="6" customWidth="1"/>
    <col min="7" max="16384" width="9" style="6"/>
  </cols>
  <sheetData>
    <row r="1" spans="1:9" x14ac:dyDescent="0.45">
      <c r="A1" s="5" t="s">
        <v>20</v>
      </c>
      <c r="B1" s="5"/>
      <c r="C1" s="5"/>
      <c r="D1" s="5"/>
      <c r="E1" s="5"/>
      <c r="F1" s="5"/>
    </row>
    <row r="2" spans="1:9" ht="36" x14ac:dyDescent="0.45">
      <c r="A2" s="57" t="s">
        <v>21</v>
      </c>
      <c r="B2" s="58"/>
      <c r="C2" s="58"/>
      <c r="D2" s="59"/>
      <c r="E2" s="7" t="s">
        <v>22</v>
      </c>
      <c r="F2" s="8" t="s">
        <v>23</v>
      </c>
    </row>
    <row r="3" spans="1:9" ht="300" customHeight="1" x14ac:dyDescent="0.45">
      <c r="A3" s="35" t="s">
        <v>24</v>
      </c>
      <c r="B3" s="46" t="s">
        <v>25</v>
      </c>
      <c r="C3" s="46" t="s">
        <v>26</v>
      </c>
      <c r="D3" s="9" t="s">
        <v>27</v>
      </c>
      <c r="E3" s="10"/>
      <c r="F3" s="10"/>
    </row>
    <row r="4" spans="1:9" ht="300" customHeight="1" x14ac:dyDescent="0.45">
      <c r="A4" s="49"/>
      <c r="B4" s="47"/>
      <c r="C4" s="47"/>
      <c r="D4" s="11" t="s">
        <v>28</v>
      </c>
      <c r="E4" s="10"/>
      <c r="F4" s="12"/>
    </row>
    <row r="5" spans="1:9" ht="159.9" customHeight="1" x14ac:dyDescent="0.45">
      <c r="A5" s="50"/>
      <c r="B5" s="48"/>
      <c r="C5" s="48"/>
      <c r="D5" s="13" t="s">
        <v>30</v>
      </c>
      <c r="E5" s="14"/>
      <c r="F5" s="7"/>
    </row>
    <row r="6" spans="1:9" ht="300" customHeight="1" x14ac:dyDescent="0.45">
      <c r="A6" s="35" t="s">
        <v>24</v>
      </c>
      <c r="B6" s="46" t="s">
        <v>25</v>
      </c>
      <c r="C6" s="46" t="s">
        <v>31</v>
      </c>
      <c r="D6" s="11" t="s">
        <v>27</v>
      </c>
      <c r="E6" s="10"/>
      <c r="F6" s="15"/>
    </row>
    <row r="7" spans="1:9" ht="300" customHeight="1" x14ac:dyDescent="0.45">
      <c r="A7" s="49"/>
      <c r="B7" s="47"/>
      <c r="C7" s="47"/>
      <c r="D7" s="11" t="s">
        <v>28</v>
      </c>
      <c r="E7" s="10"/>
      <c r="F7" s="12"/>
    </row>
    <row r="8" spans="1:9" ht="159.9" customHeight="1" x14ac:dyDescent="0.45">
      <c r="A8" s="50"/>
      <c r="B8" s="48"/>
      <c r="C8" s="48"/>
      <c r="D8" s="13" t="s">
        <v>30</v>
      </c>
      <c r="E8" s="14"/>
      <c r="F8" s="7"/>
    </row>
    <row r="9" spans="1:9" ht="300" customHeight="1" x14ac:dyDescent="0.45">
      <c r="A9" s="49"/>
      <c r="B9" s="47" t="s">
        <v>25</v>
      </c>
      <c r="C9" s="47" t="s">
        <v>70</v>
      </c>
      <c r="D9" s="9" t="s">
        <v>27</v>
      </c>
      <c r="E9" s="10"/>
      <c r="F9" s="10"/>
      <c r="I9" s="16"/>
    </row>
    <row r="10" spans="1:9" ht="300" customHeight="1" x14ac:dyDescent="0.45">
      <c r="A10" s="49"/>
      <c r="B10" s="47"/>
      <c r="C10" s="47"/>
      <c r="D10" s="11" t="s">
        <v>28</v>
      </c>
      <c r="E10" s="10"/>
      <c r="F10" s="12"/>
    </row>
    <row r="11" spans="1:9" ht="159.9" customHeight="1" x14ac:dyDescent="0.45">
      <c r="A11" s="50"/>
      <c r="B11" s="48"/>
      <c r="C11" s="48"/>
      <c r="D11" s="13" t="s">
        <v>30</v>
      </c>
      <c r="E11" s="10"/>
      <c r="F11" s="14"/>
    </row>
    <row r="12" spans="1:9" x14ac:dyDescent="0.45">
      <c r="A12" s="34" t="s">
        <v>32</v>
      </c>
      <c r="B12" s="29" t="s">
        <v>33</v>
      </c>
      <c r="C12" s="36" t="s">
        <v>83</v>
      </c>
      <c r="D12" s="37"/>
      <c r="E12" s="17" t="s">
        <v>29</v>
      </c>
      <c r="F12" s="35"/>
    </row>
    <row r="13" spans="1:9" ht="105.75" customHeight="1" x14ac:dyDescent="0.45">
      <c r="A13" s="34"/>
      <c r="B13" s="29"/>
      <c r="C13" s="51"/>
      <c r="D13" s="52"/>
      <c r="E13" s="18" t="s">
        <v>81</v>
      </c>
      <c r="F13" s="49"/>
    </row>
    <row r="14" spans="1:9" x14ac:dyDescent="0.45">
      <c r="A14" s="34"/>
      <c r="B14" s="29"/>
      <c r="C14" s="51"/>
      <c r="D14" s="52"/>
      <c r="E14" s="17" t="s">
        <v>71</v>
      </c>
      <c r="F14" s="49"/>
    </row>
    <row r="15" spans="1:9" ht="63.75" customHeight="1" x14ac:dyDescent="0.45">
      <c r="A15" s="34"/>
      <c r="B15" s="29"/>
      <c r="C15" s="53"/>
      <c r="D15" s="54"/>
      <c r="F15" s="50"/>
    </row>
    <row r="16" spans="1:9" x14ac:dyDescent="0.45">
      <c r="A16" s="34"/>
      <c r="B16" s="29"/>
      <c r="C16" s="36" t="s">
        <v>84</v>
      </c>
      <c r="D16" s="37"/>
      <c r="E16" s="17" t="s">
        <v>29</v>
      </c>
      <c r="F16" s="35"/>
    </row>
    <row r="17" spans="1:6" ht="105.75" customHeight="1" x14ac:dyDescent="0.45">
      <c r="A17" s="34"/>
      <c r="B17" s="29"/>
      <c r="C17" s="51"/>
      <c r="D17" s="52"/>
      <c r="E17" s="13" t="s">
        <v>79</v>
      </c>
      <c r="F17" s="49"/>
    </row>
    <row r="18" spans="1:6" x14ac:dyDescent="0.45">
      <c r="A18" s="34"/>
      <c r="B18" s="29"/>
      <c r="C18" s="51"/>
      <c r="D18" s="52"/>
      <c r="E18" s="17" t="s">
        <v>34</v>
      </c>
      <c r="F18" s="49"/>
    </row>
    <row r="19" spans="1:6" ht="63.75" customHeight="1" x14ac:dyDescent="0.45">
      <c r="A19" s="34"/>
      <c r="B19" s="29"/>
      <c r="C19" s="53"/>
      <c r="D19" s="54"/>
      <c r="F19" s="50"/>
    </row>
    <row r="20" spans="1:6" x14ac:dyDescent="0.45">
      <c r="A20" s="34"/>
      <c r="B20" s="29"/>
      <c r="C20" s="36" t="s">
        <v>85</v>
      </c>
      <c r="D20" s="37"/>
      <c r="E20" s="17" t="s">
        <v>29</v>
      </c>
      <c r="F20" s="35"/>
    </row>
    <row r="21" spans="1:6" ht="80.25" customHeight="1" x14ac:dyDescent="0.45">
      <c r="A21" s="34"/>
      <c r="B21" s="29"/>
      <c r="C21" s="51"/>
      <c r="D21" s="52"/>
      <c r="E21" s="13" t="s">
        <v>78</v>
      </c>
      <c r="F21" s="49"/>
    </row>
    <row r="22" spans="1:6" x14ac:dyDescent="0.45">
      <c r="A22" s="34"/>
      <c r="B22" s="29"/>
      <c r="C22" s="51"/>
      <c r="D22" s="52"/>
      <c r="E22" s="17" t="s">
        <v>34</v>
      </c>
      <c r="F22" s="49"/>
    </row>
    <row r="23" spans="1:6" ht="80.099999999999994" customHeight="1" x14ac:dyDescent="0.45">
      <c r="A23" s="34"/>
      <c r="B23" s="29"/>
      <c r="C23" s="53"/>
      <c r="D23" s="54"/>
      <c r="F23" s="50"/>
    </row>
    <row r="24" spans="1:6" x14ac:dyDescent="0.45">
      <c r="A24" s="34"/>
      <c r="B24" s="29"/>
      <c r="C24" s="38" t="s">
        <v>74</v>
      </c>
      <c r="D24" s="39"/>
      <c r="E24" s="17" t="s">
        <v>29</v>
      </c>
      <c r="F24" s="19"/>
    </row>
    <row r="25" spans="1:6" ht="132" customHeight="1" x14ac:dyDescent="0.45">
      <c r="A25" s="34"/>
      <c r="B25" s="29"/>
      <c r="C25" s="40"/>
      <c r="D25" s="41"/>
      <c r="E25" s="9" t="s">
        <v>80</v>
      </c>
      <c r="F25" s="35"/>
    </row>
    <row r="26" spans="1:6" x14ac:dyDescent="0.45">
      <c r="A26" s="34"/>
      <c r="B26" s="29"/>
      <c r="C26" s="40"/>
      <c r="D26" s="41"/>
      <c r="E26" s="17" t="s">
        <v>34</v>
      </c>
      <c r="F26" s="49"/>
    </row>
    <row r="27" spans="1:6" ht="96.75" customHeight="1" x14ac:dyDescent="0.45">
      <c r="A27" s="34"/>
      <c r="B27" s="29"/>
      <c r="C27" s="42"/>
      <c r="D27" s="43"/>
      <c r="E27" s="20"/>
      <c r="F27" s="50"/>
    </row>
    <row r="28" spans="1:6" ht="120" customHeight="1" x14ac:dyDescent="0.45">
      <c r="A28" s="34" t="s">
        <v>35</v>
      </c>
      <c r="B28" s="29" t="s">
        <v>36</v>
      </c>
      <c r="C28" s="44" t="s">
        <v>37</v>
      </c>
      <c r="D28" s="45"/>
      <c r="E28" s="10"/>
      <c r="F28" s="10"/>
    </row>
    <row r="29" spans="1:6" ht="114" customHeight="1" x14ac:dyDescent="0.45">
      <c r="A29" s="34"/>
      <c r="B29" s="29"/>
      <c r="C29" s="44" t="s">
        <v>77</v>
      </c>
      <c r="D29" s="45"/>
      <c r="E29" s="10"/>
      <c r="F29" s="21"/>
    </row>
    <row r="30" spans="1:6" ht="120" customHeight="1" x14ac:dyDescent="0.45">
      <c r="A30" s="34" t="s">
        <v>38</v>
      </c>
      <c r="B30" s="29" t="s">
        <v>39</v>
      </c>
      <c r="C30" s="44" t="s">
        <v>75</v>
      </c>
      <c r="D30" s="45"/>
      <c r="E30" s="11"/>
      <c r="F30" s="10"/>
    </row>
    <row r="31" spans="1:6" ht="120" customHeight="1" x14ac:dyDescent="0.45">
      <c r="A31" s="35"/>
      <c r="B31" s="46"/>
      <c r="C31" s="36" t="s">
        <v>76</v>
      </c>
      <c r="D31" s="37"/>
      <c r="E31" s="9"/>
      <c r="F31" s="10"/>
    </row>
    <row r="32" spans="1:6" x14ac:dyDescent="0.45">
      <c r="A32" s="22" t="s">
        <v>17</v>
      </c>
      <c r="B32" s="22"/>
      <c r="C32" s="22"/>
      <c r="D32" s="22"/>
      <c r="E32" s="22"/>
    </row>
    <row r="33" spans="1:6" ht="76.5" customHeight="1" x14ac:dyDescent="0.45">
      <c r="A33" s="56" t="s">
        <v>40</v>
      </c>
      <c r="B33" s="56"/>
      <c r="C33" s="56"/>
      <c r="D33" s="56"/>
      <c r="E33" s="56"/>
      <c r="F33" s="56"/>
    </row>
    <row r="34" spans="1:6" ht="44.25" customHeight="1" x14ac:dyDescent="0.45">
      <c r="A34" s="55" t="s">
        <v>82</v>
      </c>
      <c r="B34" s="55"/>
      <c r="C34" s="55"/>
      <c r="D34" s="55"/>
      <c r="E34" s="55"/>
      <c r="F34" s="55"/>
    </row>
  </sheetData>
  <mergeCells count="30">
    <mergeCell ref="A34:F34"/>
    <mergeCell ref="A33:F33"/>
    <mergeCell ref="A2:D2"/>
    <mergeCell ref="A9:A11"/>
    <mergeCell ref="B9:B11"/>
    <mergeCell ref="C6:C8"/>
    <mergeCell ref="C9:C11"/>
    <mergeCell ref="A3:A5"/>
    <mergeCell ref="F16:F19"/>
    <mergeCell ref="F20:F23"/>
    <mergeCell ref="F25:F27"/>
    <mergeCell ref="F12:F15"/>
    <mergeCell ref="B12:B27"/>
    <mergeCell ref="B30:B31"/>
    <mergeCell ref="C30:D30"/>
    <mergeCell ref="C16:D19"/>
    <mergeCell ref="A30:A31"/>
    <mergeCell ref="C31:D31"/>
    <mergeCell ref="C24:D27"/>
    <mergeCell ref="C29:D29"/>
    <mergeCell ref="B3:B5"/>
    <mergeCell ref="C3:C5"/>
    <mergeCell ref="A6:A8"/>
    <mergeCell ref="B6:B8"/>
    <mergeCell ref="C12:D15"/>
    <mergeCell ref="C20:D23"/>
    <mergeCell ref="B28:B29"/>
    <mergeCell ref="A28:A29"/>
    <mergeCell ref="C28:D28"/>
    <mergeCell ref="A12:A27"/>
  </mergeCells>
  <phoneticPr fontId="1"/>
  <printOptions horizontalCentered="1"/>
  <pageMargins left="0.70866141732283472" right="0.70866141732283472" top="0.74803149606299213" bottom="0.74803149606299213" header="0.31496062992125984" footer="0.31496062992125984"/>
  <pageSetup paperSize="9" scale="10" fitToWidth="0" orientation="portrait" r:id="rId1"/>
  <rowBreaks count="5" manualBreakCount="5">
    <brk id="2" max="5" man="1"/>
    <brk id="5" max="5" man="1"/>
    <brk id="8" max="5" man="1"/>
    <brk id="11" max="16383" man="1"/>
    <brk id="27" max="5" man="1"/>
  </rowBreaks>
  <colBreaks count="1" manualBreakCount="1">
    <brk id="4" max="33"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B30"/>
  <sheetViews>
    <sheetView view="pageBreakPreview" zoomScale="60" zoomScaleNormal="100" workbookViewId="0">
      <selection activeCell="B2" sqref="B2:B30"/>
    </sheetView>
  </sheetViews>
  <sheetFormatPr defaultRowHeight="18" x14ac:dyDescent="0.45"/>
  <sheetData>
    <row r="2" spans="2:2" x14ac:dyDescent="0.45">
      <c r="B2" t="s">
        <v>41</v>
      </c>
    </row>
    <row r="3" spans="2:2" x14ac:dyDescent="0.45">
      <c r="B3" t="s">
        <v>42</v>
      </c>
    </row>
    <row r="4" spans="2:2" x14ac:dyDescent="0.45">
      <c r="B4" t="s">
        <v>43</v>
      </c>
    </row>
    <row r="5" spans="2:2" x14ac:dyDescent="0.45">
      <c r="B5" t="s">
        <v>44</v>
      </c>
    </row>
    <row r="6" spans="2:2" x14ac:dyDescent="0.45">
      <c r="B6" t="s">
        <v>45</v>
      </c>
    </row>
    <row r="7" spans="2:2" x14ac:dyDescent="0.45">
      <c r="B7" t="s">
        <v>46</v>
      </c>
    </row>
    <row r="8" spans="2:2" x14ac:dyDescent="0.45">
      <c r="B8" t="s">
        <v>47</v>
      </c>
    </row>
    <row r="9" spans="2:2" x14ac:dyDescent="0.45">
      <c r="B9" t="s">
        <v>48</v>
      </c>
    </row>
    <row r="10" spans="2:2" x14ac:dyDescent="0.45">
      <c r="B10" t="s">
        <v>49</v>
      </c>
    </row>
    <row r="11" spans="2:2" x14ac:dyDescent="0.45">
      <c r="B11" t="s">
        <v>50</v>
      </c>
    </row>
    <row r="12" spans="2:2" x14ac:dyDescent="0.45">
      <c r="B12" t="s">
        <v>51</v>
      </c>
    </row>
    <row r="13" spans="2:2" x14ac:dyDescent="0.45">
      <c r="B13" t="s">
        <v>52</v>
      </c>
    </row>
    <row r="14" spans="2:2" x14ac:dyDescent="0.45">
      <c r="B14" t="s">
        <v>53</v>
      </c>
    </row>
    <row r="15" spans="2:2" x14ac:dyDescent="0.45">
      <c r="B15" t="s">
        <v>54</v>
      </c>
    </row>
    <row r="16" spans="2:2" x14ac:dyDescent="0.45">
      <c r="B16" t="s">
        <v>55</v>
      </c>
    </row>
    <row r="17" spans="2:2" x14ac:dyDescent="0.45">
      <c r="B17" t="s">
        <v>56</v>
      </c>
    </row>
    <row r="18" spans="2:2" x14ac:dyDescent="0.45">
      <c r="B18" t="s">
        <v>57</v>
      </c>
    </row>
    <row r="19" spans="2:2" x14ac:dyDescent="0.45">
      <c r="B19" t="s">
        <v>58</v>
      </c>
    </row>
    <row r="20" spans="2:2" x14ac:dyDescent="0.45">
      <c r="B20" t="s">
        <v>59</v>
      </c>
    </row>
    <row r="21" spans="2:2" x14ac:dyDescent="0.45">
      <c r="B21" t="s">
        <v>60</v>
      </c>
    </row>
    <row r="22" spans="2:2" x14ac:dyDescent="0.45">
      <c r="B22" t="s">
        <v>61</v>
      </c>
    </row>
    <row r="23" spans="2:2" x14ac:dyDescent="0.45">
      <c r="B23" t="s">
        <v>62</v>
      </c>
    </row>
    <row r="24" spans="2:2" x14ac:dyDescent="0.45">
      <c r="B24" t="s">
        <v>63</v>
      </c>
    </row>
    <row r="25" spans="2:2" x14ac:dyDescent="0.45">
      <c r="B25" t="s">
        <v>64</v>
      </c>
    </row>
    <row r="26" spans="2:2" x14ac:dyDescent="0.45">
      <c r="B26" t="s">
        <v>65</v>
      </c>
    </row>
    <row r="27" spans="2:2" x14ac:dyDescent="0.45">
      <c r="B27" t="s">
        <v>66</v>
      </c>
    </row>
    <row r="28" spans="2:2" x14ac:dyDescent="0.45">
      <c r="B28" t="s">
        <v>67</v>
      </c>
    </row>
    <row r="29" spans="2:2" x14ac:dyDescent="0.45">
      <c r="B29" t="s">
        <v>68</v>
      </c>
    </row>
    <row r="30" spans="2:2" x14ac:dyDescent="0.45">
      <c r="B30" t="s">
        <v>69</v>
      </c>
    </row>
  </sheetData>
  <phoneticPr fontId="1"/>
  <pageMargins left="0.70866141732283472" right="0.70866141732283472" top="0.74803149606299213" bottom="0.74803149606299213" header="0.31496062992125984" footer="0.31496062992125984"/>
  <pageSetup paperSize="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3b495586-b678-487f-8e16-ff0ccd9c43ba" xsi:nil="true"/>
    <lcf76f155ced4ddcb4097134ff3c332f xmlns="76a3be22-194e-460e-bb8f-af2cab120ce0">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E525F3F31D23A644B2F4439C8BC0A3DC" ma:contentTypeVersion="13" ma:contentTypeDescription="新しいドキュメントを作成します。" ma:contentTypeScope="" ma:versionID="668587f420a3594ff477a42dd6cc23fb">
  <xsd:schema xmlns:xsd="http://www.w3.org/2001/XMLSchema" xmlns:xs="http://www.w3.org/2001/XMLSchema" xmlns:p="http://schemas.microsoft.com/office/2006/metadata/properties" xmlns:ns2="76a3be22-194e-460e-bb8f-af2cab120ce0" xmlns:ns3="3b495586-b678-487f-8e16-ff0ccd9c43ba" targetNamespace="http://schemas.microsoft.com/office/2006/metadata/properties" ma:root="true" ma:fieldsID="c78ad7e884fa9b5e29360ef94fd1d147" ns2:_="" ns3:_="">
    <xsd:import namespace="76a3be22-194e-460e-bb8f-af2cab120ce0"/>
    <xsd:import namespace="3b495586-b678-487f-8e16-ff0ccd9c43ba"/>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3:SharedWithUsers" minOccurs="0"/>
                <xsd:element ref="ns3:SharedWithDetail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6a3be22-194e-460e-bb8f-af2cab120ce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5" nillable="true" ma:taxonomy="true" ma:internalName="lcf76f155ced4ddcb4097134ff3c332f" ma:taxonomyFieldName="MediaServiceImageTags" ma:displayName="画像タグ" ma:readOnly="false" ma:fieldId="{5cf76f15-5ced-4ddc-b409-7134ff3c332f}" ma:taxonomyMulti="true" ma:sspId="0347f584-7be2-4218-8e94-402d99aedf0b" ma:termSetId="09814cd3-568e-fe90-9814-8d621ff8fb84" ma:anchorId="fba54fb3-c3e1-fe81-a776-ca4b69148c4d" ma:open="true" ma:isKeyword="false">
      <xsd:complexType>
        <xsd:sequence>
          <xsd:element ref="pc:Terms" minOccurs="0" maxOccurs="1"/>
        </xsd:sequence>
      </xsd:complexType>
    </xsd:element>
    <xsd:element name="MediaServiceOCR" ma:index="17" nillable="true" ma:displayName="Extracted Text" ma:internalName="MediaServiceOCR"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ObjectDetectorVersions" ma:index="20"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3b495586-b678-487f-8e16-ff0ccd9c43ba" elementFormDefault="qualified">
    <xsd:import namespace="http://schemas.microsoft.com/office/2006/documentManagement/types"/>
    <xsd:import namespace="http://schemas.microsoft.com/office/infopath/2007/PartnerControls"/>
    <xsd:element name="SharedWithUsers" ma:index="12"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共有相手の詳細情報" ma:internalName="SharedWithDetails" ma:readOnly="true">
      <xsd:simpleType>
        <xsd:restriction base="dms:Note">
          <xsd:maxLength value="255"/>
        </xsd:restriction>
      </xsd:simpleType>
    </xsd:element>
    <xsd:element name="TaxCatchAll" ma:index="16" nillable="true" ma:displayName="Taxonomy Catch All Column" ma:hidden="true" ma:list="{401327d1-3695-4ab7-97b2-7ab4e9d93b1d}" ma:internalName="TaxCatchAll" ma:showField="CatchAllData" ma:web="3b495586-b678-487f-8e16-ff0ccd9c43b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01DDE067-B13A-4CE0-A997-CC96AF8EACE0}">
  <ds:schemaRefs>
    <ds:schemaRef ds:uri="3b495586-b678-487f-8e16-ff0ccd9c43ba"/>
    <ds:schemaRef ds:uri="http://schemas.microsoft.com/office/2006/documentManagement/types"/>
    <ds:schemaRef ds:uri="76a3be22-194e-460e-bb8f-af2cab120ce0"/>
    <ds:schemaRef ds:uri="http://purl.org/dc/terms/"/>
    <ds:schemaRef ds:uri="http://schemas.openxmlformats.org/package/2006/metadata/core-properties"/>
    <ds:schemaRef ds:uri="http://www.w3.org/XML/1998/namespace"/>
    <ds:schemaRef ds:uri="http://purl.org/dc/elements/1.1/"/>
    <ds:schemaRef ds:uri="http://schemas.microsoft.com/office/infopath/2007/PartnerControls"/>
    <ds:schemaRef ds:uri="http://schemas.microsoft.com/office/2006/metadata/properties"/>
    <ds:schemaRef ds:uri="http://purl.org/dc/dcmitype/"/>
  </ds:schemaRefs>
</ds:datastoreItem>
</file>

<file path=customXml/itemProps2.xml><?xml version="1.0" encoding="utf-8"?>
<ds:datastoreItem xmlns:ds="http://schemas.openxmlformats.org/officeDocument/2006/customXml" ds:itemID="{46285069-32F9-4D4F-B14A-88078387C573}">
  <ds:schemaRefs>
    <ds:schemaRef ds:uri="http://schemas.microsoft.com/sharepoint/v3/contenttype/forms"/>
  </ds:schemaRefs>
</ds:datastoreItem>
</file>

<file path=customXml/itemProps3.xml><?xml version="1.0" encoding="utf-8"?>
<ds:datastoreItem xmlns:ds="http://schemas.openxmlformats.org/officeDocument/2006/customXml" ds:itemID="{84FDCB28-2508-4CC4-BB41-1E762A48FF8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6a3be22-194e-460e-bb8f-af2cab120ce0"/>
    <ds:schemaRef ds:uri="3b495586-b678-487f-8e16-ff0ccd9c43b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基本情報</vt:lpstr>
      <vt:lpstr>取組内容</vt:lpstr>
      <vt:lpstr>入力リスト</vt:lpstr>
      <vt:lpstr>基本情報!Print_Area</vt:lpstr>
      <vt:lpstr>取組内容!Print_Area</vt:lpstr>
      <vt:lpstr>取組内容!Print_Titles</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鈴木 達也(suzuki-tatsuya)</dc:creator>
  <cp:keywords/>
  <dc:description/>
  <cp:lastModifiedBy>user</cp:lastModifiedBy>
  <cp:revision/>
  <cp:lastPrinted>2024-02-01T06:18:00Z</cp:lastPrinted>
  <dcterms:created xsi:type="dcterms:W3CDTF">2023-01-06T05:36:30Z</dcterms:created>
  <dcterms:modified xsi:type="dcterms:W3CDTF">2024-02-01T06:18:39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525F3F31D23A644B2F4439C8BC0A3DC</vt:lpwstr>
  </property>
  <property fmtid="{D5CDD505-2E9C-101B-9397-08002B2CF9AE}" pid="3" name="MediaServiceImageTags">
    <vt:lpwstr/>
  </property>
</Properties>
</file>